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2-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2-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reda/"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B5E3C768-D15C-D9F8-BA19-DA63CB6D3A8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06785" y="5077686"/>
            <a:ext cx="1981307" cy="148201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71539D66-A876-C4C1-C659-8BF03A38310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4565" y="4518734"/>
            <a:ext cx="1173791" cy="87799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8-12T07:53:13Z</dcterms:modified>
</cp:coreProperties>
</file>